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4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☆彡オンライン☆彡\"/>
    </mc:Choice>
  </mc:AlternateContent>
  <xr:revisionPtr revIDLastSave="0" documentId="13_ncr:1_{6C626262-2917-4179-BA24-5500C4FA0B73}" xr6:coauthVersionLast="47" xr6:coauthVersionMax="47" xr10:uidLastSave="{00000000-0000-0000-0000-000000000000}"/>
  <bookViews>
    <workbookView xWindow="15" yWindow="0" windowWidth="27705" windowHeight="15480" xr2:uid="{00000000-000D-0000-FFFF-FFFF00000000}"/>
  </bookViews>
  <sheets>
    <sheet name="校長・教頭資格" sheetId="30" r:id="rId1"/>
  </sheets>
  <calcPr calcId="125725" iterate="1" iterateCount="1" iterateDelta="0"/>
</workbook>
</file>

<file path=xl/sharedStrings.xml><?xml version="1.0" encoding="utf-8"?>
<sst xmlns="http://schemas.openxmlformats.org/spreadsheetml/2006/main" count="96" uniqueCount="31">
  <si>
    <t>校長</t>
    <rPh sb="0" eb="2">
      <t>コウチョウ</t>
    </rPh>
    <phoneticPr fontId="1"/>
  </si>
  <si>
    <t>教頭</t>
    <rPh sb="0" eb="2">
      <t>キョウトウ</t>
    </rPh>
    <phoneticPr fontId="1"/>
  </si>
  <si>
    <t>県立学校</t>
    <rPh sb="0" eb="2">
      <t>ケンリツ</t>
    </rPh>
    <rPh sb="2" eb="4">
      <t>ガッコウ</t>
    </rPh>
    <phoneticPr fontId="1"/>
  </si>
  <si>
    <t>小・中学校</t>
    <rPh sb="0" eb="1">
      <t>ショウ</t>
    </rPh>
    <rPh sb="2" eb="5">
      <t>チュウガッコウ</t>
    </rPh>
    <phoneticPr fontId="1"/>
  </si>
  <si>
    <t>年度</t>
    <rPh sb="0" eb="2">
      <t>ネンド</t>
    </rPh>
    <phoneticPr fontId="1"/>
  </si>
  <si>
    <t>科目</t>
    <rPh sb="0" eb="2">
      <t>カモク</t>
    </rPh>
    <phoneticPr fontId="1"/>
  </si>
  <si>
    <t>令和４年度</t>
    <rPh sb="0" eb="2">
      <t>レイワ</t>
    </rPh>
    <rPh sb="3" eb="5">
      <t>ネンド</t>
    </rPh>
    <phoneticPr fontId="1"/>
  </si>
  <si>
    <r>
      <rPr>
        <b/>
        <sz val="12"/>
        <rFont val="ＭＳ Ｐゴシック"/>
        <family val="3"/>
        <charset val="128"/>
      </rPr>
      <t>教頭　</t>
    </r>
    <r>
      <rPr>
        <sz val="12"/>
        <rFont val="ＭＳ Ｐゴシック"/>
        <family val="3"/>
        <charset val="128"/>
      </rPr>
      <t>第１次　筆記</t>
    </r>
    <rPh sb="0" eb="2">
      <t>キョウトウ</t>
    </rPh>
    <rPh sb="3" eb="4">
      <t>ダイ</t>
    </rPh>
    <rPh sb="5" eb="6">
      <t>ジ</t>
    </rPh>
    <rPh sb="7" eb="9">
      <t>ヒッキ</t>
    </rPh>
    <phoneticPr fontId="1"/>
  </si>
  <si>
    <t>小・中学校</t>
    <rPh sb="0" eb="1">
      <t>ショウ</t>
    </rPh>
    <rPh sb="2" eb="3">
      <t>チュウ</t>
    </rPh>
    <rPh sb="3" eb="5">
      <t>ガッコウ</t>
    </rPh>
    <phoneticPr fontId="1"/>
  </si>
  <si>
    <t xml:space="preserve">県立学校 </t>
    <rPh sb="0" eb="2">
      <t>ケンリツ</t>
    </rPh>
    <rPh sb="2" eb="4">
      <t>ガッコウ</t>
    </rPh>
    <phoneticPr fontId="1"/>
  </si>
  <si>
    <r>
      <rPr>
        <b/>
        <sz val="12"/>
        <rFont val="ＭＳ Ｐゴシック"/>
        <family val="3"/>
        <charset val="128"/>
      </rPr>
      <t>校長</t>
    </r>
    <r>
      <rPr>
        <sz val="12"/>
        <rFont val="ＭＳ Ｐゴシック"/>
        <family val="3"/>
        <charset val="128"/>
      </rPr>
      <t>　第１次　面接</t>
    </r>
    <rPh sb="0" eb="2">
      <t>コウチョウ</t>
    </rPh>
    <rPh sb="3" eb="4">
      <t>ダイ</t>
    </rPh>
    <rPh sb="5" eb="6">
      <t>ジ</t>
    </rPh>
    <rPh sb="7" eb="9">
      <t>メンセツ</t>
    </rPh>
    <phoneticPr fontId="1"/>
  </si>
  <si>
    <t>小・中学校　</t>
    <rPh sb="0" eb="1">
      <t>ショウ</t>
    </rPh>
    <rPh sb="2" eb="5">
      <t>チュウガッコウ</t>
    </rPh>
    <phoneticPr fontId="1"/>
  </si>
  <si>
    <t>テーマ（A）</t>
  </si>
  <si>
    <t>県立学校 　</t>
    <rPh sb="0" eb="2">
      <t>ケンリツ</t>
    </rPh>
    <rPh sb="2" eb="4">
      <t>ガッコウ</t>
    </rPh>
    <phoneticPr fontId="1"/>
  </si>
  <si>
    <t>テーマ（B）</t>
  </si>
  <si>
    <t>配点・判定基準</t>
    <rPh sb="0" eb="2">
      <t>ハイテン</t>
    </rPh>
    <rPh sb="3" eb="5">
      <t>ハンテイ</t>
    </rPh>
    <rPh sb="5" eb="7">
      <t>キジュン</t>
    </rPh>
    <phoneticPr fontId="1"/>
  </si>
  <si>
    <t>令和３年度</t>
    <rPh sb="0" eb="2">
      <t>レイワ</t>
    </rPh>
    <rPh sb="3" eb="5">
      <t>ネンド</t>
    </rPh>
    <phoneticPr fontId="1"/>
  </si>
  <si>
    <t>令和５年度</t>
    <rPh sb="0" eb="2">
      <t>レイワ</t>
    </rPh>
    <rPh sb="3" eb="5">
      <t>ネンド</t>
    </rPh>
    <phoneticPr fontId="1"/>
  </si>
  <si>
    <t>再任用校長</t>
    <rPh sb="0" eb="3">
      <t>サイニンヨウ</t>
    </rPh>
    <rPh sb="3" eb="5">
      <t>コウチョウ</t>
    </rPh>
    <phoneticPr fontId="1"/>
  </si>
  <si>
    <t>令和６年度</t>
    <rPh sb="0" eb="2">
      <t>レイワ</t>
    </rPh>
    <rPh sb="3" eb="5">
      <t>ネンド</t>
    </rPh>
    <phoneticPr fontId="1"/>
  </si>
  <si>
    <t>特例任用校長</t>
    <rPh sb="0" eb="2">
      <t>トクレイ</t>
    </rPh>
    <rPh sb="2" eb="4">
      <t>ニンヨウ</t>
    </rPh>
    <rPh sb="4" eb="6">
      <t>コウチョウ</t>
    </rPh>
    <phoneticPr fontId="1"/>
  </si>
  <si>
    <t>整理番号</t>
    <rPh sb="0" eb="4">
      <t>セイリバンゴウ</t>
    </rPh>
    <phoneticPr fontId="1"/>
  </si>
  <si>
    <t>問題</t>
    <rPh sb="0" eb="2">
      <t>モンダイ</t>
    </rPh>
    <phoneticPr fontId="1"/>
  </si>
  <si>
    <t>解答等</t>
    <rPh sb="0" eb="2">
      <t>カイトウ</t>
    </rPh>
    <rPh sb="2" eb="3">
      <t>トウ</t>
    </rPh>
    <phoneticPr fontId="1"/>
  </si>
  <si>
    <t>令和７年度</t>
    <rPh sb="0" eb="2">
      <t>レイワ</t>
    </rPh>
    <rPh sb="3" eb="5">
      <t>ネンド</t>
    </rPh>
    <phoneticPr fontId="1"/>
  </si>
  <si>
    <t>〇</t>
    <phoneticPr fontId="1"/>
  </si>
  <si>
    <t>必要な科目の枚数左横の空欄に○を入れてください</t>
    <rPh sb="0" eb="2">
      <t>ヒツヨウ</t>
    </rPh>
    <rPh sb="3" eb="5">
      <t>カモク</t>
    </rPh>
    <rPh sb="6" eb="8">
      <t>マイスウ</t>
    </rPh>
    <rPh sb="8" eb="10">
      <t>ヒダリヨコ</t>
    </rPh>
    <rPh sb="11" eb="13">
      <t>クウラン</t>
    </rPh>
    <rPh sb="16" eb="17">
      <t>イ</t>
    </rPh>
    <phoneticPr fontId="1"/>
  </si>
  <si>
    <t>公立学校校長及び教頭採用資格保有者選考試験</t>
    <rPh sb="0" eb="2">
      <t>コウリツ</t>
    </rPh>
    <rPh sb="2" eb="4">
      <t>ガッコウ</t>
    </rPh>
    <rPh sb="4" eb="6">
      <t>コウチョウ</t>
    </rPh>
    <rPh sb="6" eb="7">
      <t>オヨ</t>
    </rPh>
    <rPh sb="8" eb="10">
      <t>キョウトウ</t>
    </rPh>
    <rPh sb="10" eb="12">
      <t>サイヨウ</t>
    </rPh>
    <rPh sb="12" eb="14">
      <t>シカク</t>
    </rPh>
    <rPh sb="14" eb="17">
      <t>ホユウシャ</t>
    </rPh>
    <rPh sb="17" eb="21">
      <t>センコウシケン</t>
    </rPh>
    <phoneticPr fontId="1"/>
  </si>
  <si>
    <t>令和８年度</t>
    <rPh sb="0" eb="2">
      <t>レイワ</t>
    </rPh>
    <rPh sb="3" eb="5">
      <t>ネンド</t>
    </rPh>
    <phoneticPr fontId="1"/>
  </si>
  <si>
    <t>【お知らせ】令和８年度採用から校長採用資格保有者選考試験第１次は、外部試験により試験を</t>
    <rPh sb="2" eb="3">
      <t>シ</t>
    </rPh>
    <rPh sb="6" eb="8">
      <t>レイワ</t>
    </rPh>
    <rPh sb="9" eb="11">
      <t>ネンド</t>
    </rPh>
    <rPh sb="11" eb="13">
      <t>サイヨウ</t>
    </rPh>
    <rPh sb="15" eb="17">
      <t>コウチョウ</t>
    </rPh>
    <rPh sb="17" eb="19">
      <t>サイヨウ</t>
    </rPh>
    <rPh sb="19" eb="21">
      <t>シカク</t>
    </rPh>
    <rPh sb="21" eb="24">
      <t>ホユウシャ</t>
    </rPh>
    <rPh sb="24" eb="26">
      <t>センコウ</t>
    </rPh>
    <rPh sb="26" eb="28">
      <t>シケン</t>
    </rPh>
    <rPh sb="28" eb="29">
      <t>ダイ</t>
    </rPh>
    <rPh sb="30" eb="31">
      <t>ジ</t>
    </rPh>
    <phoneticPr fontId="1"/>
  </si>
  <si>
    <t>　　　　　　　実施することとなったため、問題は非公開となりました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6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 diagonalUp="1">
      <left style="thin">
        <color indexed="64"/>
      </left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thin">
        <color indexed="64"/>
      </left>
      <right/>
      <top/>
      <bottom style="medium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 diagonalUp="1">
      <left/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9">
    <xf numFmtId="0" fontId="0" fillId="0" borderId="0" xfId="0">
      <alignment vertical="center"/>
    </xf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vertical="center" shrinkToFit="1"/>
    </xf>
    <xf numFmtId="0" fontId="3" fillId="0" borderId="4" xfId="0" applyFont="1" applyBorder="1" applyAlignment="1">
      <alignment horizontal="center" vertical="center" shrinkToFit="1"/>
    </xf>
    <xf numFmtId="0" fontId="6" fillId="0" borderId="0" xfId="0" applyFont="1" applyAlignment="1">
      <alignment horizontal="center" vertical="center"/>
    </xf>
    <xf numFmtId="0" fontId="6" fillId="0" borderId="0" xfId="0" applyFont="1">
      <alignment vertical="center"/>
    </xf>
    <xf numFmtId="0" fontId="3" fillId="0" borderId="3" xfId="0" applyFont="1" applyBorder="1" applyAlignment="1">
      <alignment horizontal="left" vertical="center"/>
    </xf>
    <xf numFmtId="0" fontId="3" fillId="0" borderId="7" xfId="0" applyFont="1" applyBorder="1" applyAlignment="1">
      <alignment horizontal="center" vertical="center"/>
    </xf>
    <xf numFmtId="0" fontId="3" fillId="0" borderId="10" xfId="0" applyFont="1" applyBorder="1" applyAlignment="1">
      <alignment horizontal="left" vertical="center"/>
    </xf>
    <xf numFmtId="0" fontId="3" fillId="0" borderId="11" xfId="0" applyFont="1" applyBorder="1" applyAlignment="1">
      <alignment horizontal="center" vertical="center"/>
    </xf>
    <xf numFmtId="0" fontId="3" fillId="0" borderId="13" xfId="0" applyFont="1" applyBorder="1">
      <alignment vertical="center"/>
    </xf>
    <xf numFmtId="0" fontId="3" fillId="0" borderId="16" xfId="0" applyFont="1" applyBorder="1">
      <alignment vertical="center"/>
    </xf>
    <xf numFmtId="0" fontId="3" fillId="0" borderId="15" xfId="0" applyFont="1" applyBorder="1">
      <alignment vertical="center"/>
    </xf>
    <xf numFmtId="0" fontId="3" fillId="0" borderId="17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24" xfId="0" applyFont="1" applyBorder="1">
      <alignment vertical="center"/>
    </xf>
    <xf numFmtId="0" fontId="3" fillId="0" borderId="0" xfId="0" applyFont="1" applyAlignment="1">
      <alignment horizontal="center" vertical="center"/>
    </xf>
    <xf numFmtId="0" fontId="2" fillId="0" borderId="0" xfId="0" applyFont="1" applyAlignment="1">
      <alignment vertical="center" shrinkToFit="1"/>
    </xf>
    <xf numFmtId="0" fontId="3" fillId="0" borderId="16" xfId="0" applyFont="1" applyBorder="1" applyAlignment="1">
      <alignment horizontal="left" vertical="center"/>
    </xf>
    <xf numFmtId="0" fontId="3" fillId="0" borderId="3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 shrinkToFit="1"/>
    </xf>
    <xf numFmtId="0" fontId="3" fillId="0" borderId="17" xfId="0" applyFont="1" applyBorder="1" applyAlignment="1">
      <alignment horizontal="center" vertical="center" shrinkToFit="1"/>
    </xf>
    <xf numFmtId="0" fontId="3" fillId="0" borderId="37" xfId="0" applyFont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2" xfId="0" applyFont="1" applyBorder="1" applyAlignment="1">
      <alignment horizontal="left" vertical="center"/>
    </xf>
    <xf numFmtId="0" fontId="5" fillId="0" borderId="0" xfId="0" applyFont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3" fillId="0" borderId="43" xfId="0" applyFont="1" applyBorder="1" applyAlignment="1">
      <alignment horizontal="center" vertical="center"/>
    </xf>
    <xf numFmtId="0" fontId="3" fillId="0" borderId="38" xfId="0" applyFont="1" applyBorder="1" applyAlignment="1">
      <alignment horizontal="left" vertical="center"/>
    </xf>
    <xf numFmtId="0" fontId="3" fillId="0" borderId="44" xfId="0" applyFont="1" applyBorder="1" applyAlignment="1">
      <alignment horizontal="center" vertical="center"/>
    </xf>
    <xf numFmtId="0" fontId="3" fillId="0" borderId="45" xfId="0" applyFont="1" applyBorder="1" applyAlignment="1">
      <alignment horizontal="left" vertical="center"/>
    </xf>
    <xf numFmtId="0" fontId="3" fillId="0" borderId="45" xfId="0" applyFont="1" applyBorder="1" applyAlignment="1">
      <alignment horizontal="center" vertical="center"/>
    </xf>
    <xf numFmtId="0" fontId="3" fillId="0" borderId="46" xfId="0" applyFont="1" applyBorder="1" applyAlignment="1">
      <alignment horizontal="center" vertical="center"/>
    </xf>
    <xf numFmtId="0" fontId="3" fillId="0" borderId="12" xfId="0" applyFont="1" applyBorder="1">
      <alignment vertical="center"/>
    </xf>
    <xf numFmtId="0" fontId="3" fillId="0" borderId="43" xfId="0" applyFont="1" applyBorder="1" applyAlignment="1">
      <alignment horizontal="left" vertical="center"/>
    </xf>
    <xf numFmtId="0" fontId="3" fillId="0" borderId="47" xfId="0" applyFont="1" applyBorder="1" applyAlignment="1">
      <alignment horizontal="left" vertical="center"/>
    </xf>
    <xf numFmtId="0" fontId="3" fillId="0" borderId="48" xfId="0" applyFont="1" applyBorder="1" applyAlignment="1">
      <alignment horizontal="center" vertical="center"/>
    </xf>
    <xf numFmtId="0" fontId="3" fillId="0" borderId="37" xfId="0" applyFont="1" applyBorder="1" applyAlignment="1">
      <alignment horizontal="left" vertical="center"/>
    </xf>
    <xf numFmtId="0" fontId="3" fillId="0" borderId="49" xfId="0" applyFont="1" applyBorder="1">
      <alignment vertical="center"/>
    </xf>
    <xf numFmtId="0" fontId="3" fillId="0" borderId="45" xfId="0" applyFont="1" applyBorder="1">
      <alignment vertical="center"/>
    </xf>
    <xf numFmtId="0" fontId="3" fillId="0" borderId="50" xfId="0" applyFont="1" applyBorder="1" applyAlignment="1">
      <alignment horizontal="left" vertical="center"/>
    </xf>
    <xf numFmtId="0" fontId="0" fillId="0" borderId="0" xfId="0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2" borderId="5" xfId="0" applyFont="1" applyFill="1" applyBorder="1" applyAlignment="1">
      <alignment horizontal="center" vertical="center"/>
    </xf>
    <xf numFmtId="0" fontId="3" fillId="2" borderId="28" xfId="0" applyFont="1" applyFill="1" applyBorder="1" applyAlignment="1">
      <alignment horizontal="center" vertical="center"/>
    </xf>
    <xf numFmtId="0" fontId="3" fillId="2" borderId="30" xfId="0" applyFont="1" applyFill="1" applyBorder="1" applyAlignment="1">
      <alignment horizontal="center" vertical="center"/>
    </xf>
    <xf numFmtId="0" fontId="3" fillId="2" borderId="29" xfId="0" applyFont="1" applyFill="1" applyBorder="1" applyAlignment="1">
      <alignment horizontal="center" vertical="center"/>
    </xf>
    <xf numFmtId="0" fontId="3" fillId="2" borderId="31" xfId="0" applyFont="1" applyFill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6" xfId="0" applyFont="1" applyBorder="1">
      <alignment vertical="center"/>
    </xf>
    <xf numFmtId="0" fontId="3" fillId="0" borderId="27" xfId="0" applyFont="1" applyBorder="1">
      <alignment vertical="center"/>
    </xf>
    <xf numFmtId="0" fontId="3" fillId="0" borderId="4" xfId="0" applyFont="1" applyBorder="1" applyAlignment="1">
      <alignment horizontal="center" vertical="center"/>
    </xf>
    <xf numFmtId="0" fontId="3" fillId="0" borderId="40" xfId="0" applyFont="1" applyBorder="1" applyAlignment="1">
      <alignment horizontal="center" vertical="center"/>
    </xf>
    <xf numFmtId="0" fontId="3" fillId="0" borderId="41" xfId="0" applyFont="1" applyBorder="1" applyAlignment="1">
      <alignment horizontal="center" vertical="center"/>
    </xf>
    <xf numFmtId="0" fontId="3" fillId="0" borderId="39" xfId="0" applyFont="1" applyBorder="1" applyAlignment="1">
      <alignment horizontal="center" vertical="center"/>
    </xf>
    <xf numFmtId="0" fontId="3" fillId="0" borderId="53" xfId="0" applyFont="1" applyBorder="1" applyAlignment="1">
      <alignment horizontal="center" vertical="center"/>
    </xf>
    <xf numFmtId="0" fontId="3" fillId="0" borderId="54" xfId="0" applyFont="1" applyBorder="1" applyAlignment="1">
      <alignment horizontal="center" vertical="center"/>
    </xf>
    <xf numFmtId="0" fontId="3" fillId="0" borderId="55" xfId="0" applyFont="1" applyBorder="1" applyAlignment="1">
      <alignment horizontal="center" vertical="center"/>
    </xf>
    <xf numFmtId="0" fontId="3" fillId="2" borderId="52" xfId="0" applyFont="1" applyFill="1" applyBorder="1">
      <alignment vertical="center"/>
    </xf>
    <xf numFmtId="0" fontId="3" fillId="0" borderId="56" xfId="0" applyFont="1" applyBorder="1" applyAlignment="1">
      <alignment horizontal="center" vertical="center"/>
    </xf>
    <xf numFmtId="0" fontId="3" fillId="2" borderId="29" xfId="0" applyFont="1" applyFill="1" applyBorder="1">
      <alignment vertical="center"/>
    </xf>
    <xf numFmtId="0" fontId="3" fillId="2" borderId="30" xfId="0" applyFont="1" applyFill="1" applyBorder="1">
      <alignment vertical="center"/>
    </xf>
    <xf numFmtId="0" fontId="3" fillId="2" borderId="36" xfId="0" applyFont="1" applyFill="1" applyBorder="1" applyAlignment="1">
      <alignment horizontal="center" vertical="center"/>
    </xf>
    <xf numFmtId="0" fontId="3" fillId="2" borderId="34" xfId="0" applyFont="1" applyFill="1" applyBorder="1" applyAlignment="1">
      <alignment horizontal="center" vertical="center"/>
    </xf>
    <xf numFmtId="0" fontId="3" fillId="2" borderId="35" xfId="0" applyFont="1" applyFill="1" applyBorder="1" applyAlignment="1">
      <alignment horizontal="center" vertical="center"/>
    </xf>
    <xf numFmtId="0" fontId="3" fillId="0" borderId="57" xfId="0" applyFont="1" applyBorder="1" applyAlignment="1">
      <alignment horizontal="left" vertical="center"/>
    </xf>
    <xf numFmtId="0" fontId="3" fillId="0" borderId="58" xfId="0" applyFont="1" applyBorder="1" applyAlignment="1">
      <alignment horizontal="center" vertical="center"/>
    </xf>
    <xf numFmtId="0" fontId="3" fillId="0" borderId="59" xfId="0" applyFont="1" applyBorder="1" applyAlignment="1">
      <alignment horizontal="center" vertical="center"/>
    </xf>
    <xf numFmtId="0" fontId="3" fillId="2" borderId="52" xfId="0" applyFont="1" applyFill="1" applyBorder="1" applyAlignment="1">
      <alignment horizontal="center" vertical="center"/>
    </xf>
    <xf numFmtId="0" fontId="3" fillId="0" borderId="60" xfId="0" applyFont="1" applyBorder="1" applyAlignment="1">
      <alignment horizontal="center" vertical="center" shrinkToFit="1"/>
    </xf>
    <xf numFmtId="0" fontId="3" fillId="0" borderId="12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12" xfId="0" applyFont="1" applyBorder="1" applyAlignment="1">
      <alignment horizontal="left" vertical="center"/>
    </xf>
    <xf numFmtId="0" fontId="3" fillId="0" borderId="14" xfId="0" applyFont="1" applyBorder="1" applyAlignment="1">
      <alignment horizontal="left" vertical="center"/>
    </xf>
    <xf numFmtId="0" fontId="3" fillId="0" borderId="19" xfId="0" applyFont="1" applyBorder="1" applyAlignment="1">
      <alignment horizontal="left" vertical="center"/>
    </xf>
    <xf numFmtId="0" fontId="3" fillId="0" borderId="5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16" xfId="0" applyFont="1" applyBorder="1" applyAlignment="1">
      <alignment horizontal="left" vertical="center"/>
    </xf>
    <xf numFmtId="0" fontId="3" fillId="0" borderId="25" xfId="0" applyFont="1" applyBorder="1" applyAlignment="1">
      <alignment horizontal="left" vertical="center"/>
    </xf>
    <xf numFmtId="0" fontId="3" fillId="0" borderId="14" xfId="0" applyFont="1" applyBorder="1" applyAlignment="1">
      <alignment horizontal="center" vertical="center"/>
    </xf>
    <xf numFmtId="0" fontId="3" fillId="0" borderId="16" xfId="0" applyFont="1" applyBorder="1" applyAlignment="1">
      <alignment horizontal="left" vertical="center" shrinkToFit="1"/>
    </xf>
    <xf numFmtId="0" fontId="3" fillId="0" borderId="25" xfId="0" applyFont="1" applyBorder="1" applyAlignment="1">
      <alignment horizontal="left" vertical="center" shrinkToFit="1"/>
    </xf>
    <xf numFmtId="0" fontId="5" fillId="0" borderId="0" xfId="0" applyFont="1" applyAlignment="1">
      <alignment horizontal="center" vertical="center" shrinkToFit="1"/>
    </xf>
    <xf numFmtId="0" fontId="3" fillId="0" borderId="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8" fillId="0" borderId="42" xfId="0" applyFont="1" applyBorder="1" applyAlignment="1">
      <alignment horizontal="center" vertical="center"/>
    </xf>
    <xf numFmtId="0" fontId="8" fillId="0" borderId="5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F768E4-0F3B-43C1-9E82-8BE52CD72654}">
  <dimension ref="A1:Q52"/>
  <sheetViews>
    <sheetView tabSelected="1" workbookViewId="0">
      <selection activeCell="M16" sqref="M16"/>
    </sheetView>
  </sheetViews>
  <sheetFormatPr defaultRowHeight="13.5" x14ac:dyDescent="0.15"/>
  <cols>
    <col min="1" max="1" width="12.75" customWidth="1"/>
    <col min="2" max="2" width="22.25" customWidth="1"/>
    <col min="3" max="3" width="13" customWidth="1"/>
    <col min="4" max="4" width="10.625" customWidth="1"/>
    <col min="5" max="5" width="3.5" style="49" customWidth="1"/>
    <col min="6" max="6" width="3.5" style="49" bestFit="1" customWidth="1"/>
    <col min="7" max="7" width="3.5" style="49" customWidth="1"/>
    <col min="8" max="8" width="7.5" customWidth="1"/>
    <col min="9" max="9" width="3.5" bestFit="1" customWidth="1"/>
    <col min="10" max="10" width="7.5" bestFit="1" customWidth="1"/>
    <col min="11" max="11" width="15" customWidth="1"/>
    <col min="12" max="13" width="16.375" bestFit="1" customWidth="1"/>
    <col min="14" max="14" width="16.375" customWidth="1"/>
    <col min="15" max="15" width="16.25" customWidth="1"/>
    <col min="17" max="17" width="15.875" customWidth="1"/>
  </cols>
  <sheetData>
    <row r="1" spans="1:17" ht="24" x14ac:dyDescent="0.15">
      <c r="A1" s="94" t="s">
        <v>27</v>
      </c>
      <c r="B1" s="94"/>
      <c r="C1" s="94"/>
      <c r="D1" s="94"/>
      <c r="E1" s="94"/>
      <c r="F1" s="94"/>
      <c r="G1" s="94"/>
      <c r="H1" s="94"/>
      <c r="I1" s="94"/>
      <c r="J1" s="94"/>
      <c r="K1" s="2"/>
      <c r="L1" s="2"/>
      <c r="M1" s="2"/>
      <c r="N1" s="2"/>
      <c r="O1" s="18"/>
      <c r="P1" s="18"/>
      <c r="Q1" s="18"/>
    </row>
    <row r="2" spans="1:17" ht="9.75" customHeight="1" x14ac:dyDescent="0.15">
      <c r="A2" s="33"/>
      <c r="B2" s="33"/>
      <c r="C2" s="33"/>
      <c r="D2" s="33"/>
      <c r="E2" s="33"/>
      <c r="F2" s="33"/>
      <c r="G2" s="33"/>
      <c r="H2" s="33"/>
      <c r="I2" s="33"/>
      <c r="J2" s="33"/>
      <c r="K2" s="2"/>
      <c r="L2" s="2"/>
      <c r="M2" s="2"/>
      <c r="N2" s="2"/>
      <c r="O2" s="18"/>
      <c r="P2" s="18"/>
      <c r="Q2" s="18"/>
    </row>
    <row r="3" spans="1:17" ht="21.75" customHeight="1" x14ac:dyDescent="0.15">
      <c r="A3" s="33"/>
      <c r="B3" s="94" t="s">
        <v>26</v>
      </c>
      <c r="C3" s="94"/>
      <c r="D3" s="94"/>
      <c r="E3" s="94"/>
      <c r="F3" s="94"/>
      <c r="G3" s="94"/>
      <c r="H3" s="94"/>
      <c r="I3" s="33"/>
      <c r="J3" s="33"/>
      <c r="K3" s="2"/>
      <c r="L3" s="2"/>
      <c r="M3" s="2"/>
      <c r="N3" s="2"/>
      <c r="O3" s="18"/>
      <c r="P3" s="18"/>
      <c r="Q3" s="18"/>
    </row>
    <row r="4" spans="1:17" ht="13.5" customHeight="1" x14ac:dyDescent="0.15">
      <c r="A4" s="33"/>
      <c r="B4" s="33"/>
      <c r="C4" s="33"/>
      <c r="D4" s="33"/>
      <c r="E4" s="33"/>
      <c r="F4" s="33"/>
      <c r="G4" s="33"/>
      <c r="H4" s="33"/>
      <c r="I4" s="33"/>
      <c r="J4" s="33"/>
      <c r="K4" s="2"/>
      <c r="L4" s="2"/>
      <c r="M4" s="2"/>
      <c r="N4" s="2"/>
      <c r="O4" s="18"/>
      <c r="P4" s="18"/>
      <c r="Q4" s="18"/>
    </row>
    <row r="5" spans="1:17" ht="13.5" customHeight="1" x14ac:dyDescent="0.15">
      <c r="A5" t="s">
        <v>29</v>
      </c>
      <c r="B5" s="33"/>
      <c r="C5" s="33"/>
      <c r="D5" s="33"/>
      <c r="E5" s="33"/>
      <c r="F5" s="33"/>
      <c r="G5" s="33"/>
      <c r="H5" s="33"/>
      <c r="I5" s="33"/>
      <c r="J5" s="33"/>
      <c r="K5" s="2"/>
      <c r="L5" s="2"/>
      <c r="M5" s="2"/>
      <c r="N5" s="2"/>
      <c r="O5" s="18"/>
      <c r="P5" s="18"/>
      <c r="Q5" s="18"/>
    </row>
    <row r="6" spans="1:17" ht="14.25" customHeight="1" thickBot="1" x14ac:dyDescent="0.2">
      <c r="A6" t="s">
        <v>30</v>
      </c>
      <c r="B6" s="34"/>
      <c r="C6" s="34"/>
      <c r="D6" s="34"/>
      <c r="E6" s="34"/>
      <c r="F6" s="34"/>
      <c r="G6" s="34"/>
      <c r="H6" s="34"/>
      <c r="I6" s="34"/>
      <c r="J6" s="34"/>
      <c r="K6" s="2"/>
      <c r="L6" s="2"/>
      <c r="M6" s="2"/>
      <c r="N6" s="2"/>
      <c r="O6" s="18"/>
      <c r="P6" s="18"/>
      <c r="Q6" s="18"/>
    </row>
    <row r="7" spans="1:17" s="5" customFormat="1" ht="24" customHeight="1" thickBot="1" x14ac:dyDescent="0.2">
      <c r="A7" s="95" t="s">
        <v>4</v>
      </c>
      <c r="B7" s="96"/>
      <c r="C7" s="15" t="s">
        <v>5</v>
      </c>
      <c r="D7" s="25"/>
      <c r="E7" s="97" t="s">
        <v>21</v>
      </c>
      <c r="F7" s="98"/>
      <c r="G7" s="52" t="s">
        <v>25</v>
      </c>
      <c r="H7" s="60" t="s">
        <v>22</v>
      </c>
      <c r="I7" s="52" t="s">
        <v>25</v>
      </c>
      <c r="J7" s="3" t="s">
        <v>23</v>
      </c>
      <c r="K7" s="4"/>
      <c r="L7" s="4"/>
      <c r="M7" s="4"/>
    </row>
    <row r="8" spans="1:17" s="5" customFormat="1" ht="17.100000000000001" customHeight="1" x14ac:dyDescent="0.15">
      <c r="A8" s="85" t="s">
        <v>28</v>
      </c>
      <c r="B8" s="88" t="s">
        <v>7</v>
      </c>
      <c r="C8" s="6" t="s">
        <v>8</v>
      </c>
      <c r="D8" s="45"/>
      <c r="E8" s="28">
        <v>1</v>
      </c>
      <c r="F8" s="20">
        <v>2</v>
      </c>
      <c r="G8" s="53"/>
      <c r="H8" s="63">
        <v>30</v>
      </c>
      <c r="I8" s="53"/>
      <c r="J8" s="7">
        <v>1</v>
      </c>
      <c r="K8" s="4"/>
      <c r="L8" s="4"/>
      <c r="M8" s="4"/>
    </row>
    <row r="9" spans="1:17" s="5" customFormat="1" ht="17.100000000000001" customHeight="1" thickBot="1" x14ac:dyDescent="0.2">
      <c r="A9" s="86"/>
      <c r="B9" s="80"/>
      <c r="C9" s="8" t="s">
        <v>9</v>
      </c>
      <c r="D9" s="36"/>
      <c r="E9" s="29">
        <v>3</v>
      </c>
      <c r="F9" s="22">
        <v>4</v>
      </c>
      <c r="G9" s="54"/>
      <c r="H9" s="61">
        <v>38</v>
      </c>
      <c r="I9" s="55"/>
      <c r="J9" s="9">
        <v>1</v>
      </c>
      <c r="K9" s="4"/>
      <c r="L9" s="4"/>
      <c r="M9" s="4"/>
    </row>
    <row r="10" spans="1:17" s="5" customFormat="1" ht="17.100000000000001" customHeight="1" x14ac:dyDescent="0.15">
      <c r="A10" s="85" t="s">
        <v>24</v>
      </c>
      <c r="B10" s="88" t="s">
        <v>7</v>
      </c>
      <c r="C10" s="6" t="s">
        <v>8</v>
      </c>
      <c r="D10" s="28"/>
      <c r="E10" s="28">
        <v>1</v>
      </c>
      <c r="F10" s="51">
        <v>2</v>
      </c>
      <c r="G10" s="53"/>
      <c r="H10" s="7">
        <v>27</v>
      </c>
      <c r="I10" s="53"/>
      <c r="J10" s="26">
        <v>1</v>
      </c>
      <c r="K10" s="4"/>
      <c r="L10" s="4"/>
      <c r="M10" s="4"/>
    </row>
    <row r="11" spans="1:17" s="5" customFormat="1" ht="17.100000000000001" customHeight="1" x14ac:dyDescent="0.15">
      <c r="A11" s="87"/>
      <c r="B11" s="91"/>
      <c r="C11" s="8" t="s">
        <v>9</v>
      </c>
      <c r="D11" s="29"/>
      <c r="E11" s="29">
        <v>3</v>
      </c>
      <c r="F11" s="50">
        <v>4</v>
      </c>
      <c r="G11" s="54"/>
      <c r="H11" s="13">
        <v>33</v>
      </c>
      <c r="I11" s="54"/>
      <c r="J11" s="27">
        <v>1</v>
      </c>
      <c r="K11" s="4"/>
      <c r="L11" s="4"/>
      <c r="M11" s="4"/>
    </row>
    <row r="12" spans="1:17" s="5" customFormat="1" ht="17.100000000000001" customHeight="1" x14ac:dyDescent="0.15">
      <c r="A12" s="87"/>
      <c r="B12" s="79" t="s">
        <v>10</v>
      </c>
      <c r="C12" s="8" t="s">
        <v>11</v>
      </c>
      <c r="D12" s="36" t="s">
        <v>12</v>
      </c>
      <c r="E12" s="29">
        <v>5</v>
      </c>
      <c r="F12" s="23"/>
      <c r="G12" s="54"/>
      <c r="H12" s="61">
        <v>3</v>
      </c>
      <c r="I12" s="71"/>
      <c r="J12" s="12"/>
      <c r="K12" s="4"/>
      <c r="L12" s="4"/>
      <c r="M12" s="4"/>
    </row>
    <row r="13" spans="1:17" s="5" customFormat="1" ht="17.100000000000001" customHeight="1" x14ac:dyDescent="0.15">
      <c r="A13" s="87"/>
      <c r="B13" s="80"/>
      <c r="C13" s="19" t="s">
        <v>13</v>
      </c>
      <c r="D13" s="38" t="s">
        <v>14</v>
      </c>
      <c r="E13" s="39">
        <v>6</v>
      </c>
      <c r="F13" s="24"/>
      <c r="G13" s="55"/>
      <c r="H13" s="62">
        <v>3</v>
      </c>
      <c r="I13" s="73"/>
      <c r="J13" s="16"/>
      <c r="K13" s="4"/>
      <c r="L13" s="4"/>
      <c r="M13" s="4"/>
    </row>
    <row r="14" spans="1:17" s="5" customFormat="1" ht="17.100000000000001" customHeight="1" x14ac:dyDescent="0.15">
      <c r="A14" s="87"/>
      <c r="B14" s="79" t="s">
        <v>15</v>
      </c>
      <c r="C14" s="82" t="s">
        <v>3</v>
      </c>
      <c r="D14" s="41" t="s">
        <v>0</v>
      </c>
      <c r="E14" s="37"/>
      <c r="F14" s="21">
        <v>7</v>
      </c>
      <c r="G14" s="73"/>
      <c r="H14" s="64"/>
      <c r="I14" s="54"/>
      <c r="J14" s="13">
        <v>4</v>
      </c>
      <c r="K14" s="4"/>
      <c r="L14" s="4"/>
      <c r="M14" s="4"/>
    </row>
    <row r="15" spans="1:17" s="5" customFormat="1" ht="17.100000000000001" customHeight="1" x14ac:dyDescent="0.15">
      <c r="A15" s="87"/>
      <c r="B15" s="80"/>
      <c r="C15" s="83"/>
      <c r="D15" s="41" t="s">
        <v>1</v>
      </c>
      <c r="E15" s="37"/>
      <c r="F15" s="21">
        <v>8</v>
      </c>
      <c r="G15" s="73"/>
      <c r="H15" s="64"/>
      <c r="I15" s="54"/>
      <c r="J15" s="13">
        <v>3</v>
      </c>
      <c r="K15" s="4"/>
      <c r="L15" s="4"/>
      <c r="M15" s="4"/>
    </row>
    <row r="16" spans="1:17" ht="17.100000000000001" customHeight="1" x14ac:dyDescent="0.15">
      <c r="A16" s="87"/>
      <c r="B16" s="80"/>
      <c r="C16" s="82" t="s">
        <v>2</v>
      </c>
      <c r="D16" s="41" t="s">
        <v>0</v>
      </c>
      <c r="E16" s="37"/>
      <c r="F16" s="21">
        <v>9</v>
      </c>
      <c r="G16" s="73"/>
      <c r="H16" s="64"/>
      <c r="I16" s="54"/>
      <c r="J16" s="13">
        <v>3</v>
      </c>
    </row>
    <row r="17" spans="1:13" ht="17.100000000000001" customHeight="1" x14ac:dyDescent="0.15">
      <c r="A17" s="87"/>
      <c r="B17" s="80"/>
      <c r="C17" s="83"/>
      <c r="D17" s="32" t="s">
        <v>1</v>
      </c>
      <c r="E17" s="40"/>
      <c r="F17" s="21">
        <v>10</v>
      </c>
      <c r="G17" s="73"/>
      <c r="H17" s="65"/>
      <c r="I17" s="55"/>
      <c r="J17" s="9">
        <v>2</v>
      </c>
    </row>
    <row r="18" spans="1:13" ht="17.100000000000001" customHeight="1" x14ac:dyDescent="0.15">
      <c r="A18" s="87"/>
      <c r="B18" s="80"/>
      <c r="C18" s="92" t="s">
        <v>20</v>
      </c>
      <c r="D18" s="42" t="s">
        <v>3</v>
      </c>
      <c r="E18" s="37"/>
      <c r="F18" s="22">
        <v>11</v>
      </c>
      <c r="G18" s="71"/>
      <c r="H18" s="64"/>
      <c r="I18" s="54"/>
      <c r="J18" s="13">
        <v>3</v>
      </c>
    </row>
    <row r="19" spans="1:13" ht="17.100000000000001" customHeight="1" thickBot="1" x14ac:dyDescent="0.2">
      <c r="A19" s="86"/>
      <c r="B19" s="81"/>
      <c r="C19" s="93"/>
      <c r="D19" s="43" t="s">
        <v>2</v>
      </c>
      <c r="E19" s="44"/>
      <c r="F19" s="57">
        <v>12</v>
      </c>
      <c r="G19" s="72"/>
      <c r="H19" s="66"/>
      <c r="I19" s="56"/>
      <c r="J19" s="14">
        <v>2</v>
      </c>
    </row>
    <row r="20" spans="1:13" ht="17.100000000000001" customHeight="1" x14ac:dyDescent="0.15">
      <c r="A20" s="85" t="s">
        <v>19</v>
      </c>
      <c r="B20" s="80" t="s">
        <v>7</v>
      </c>
      <c r="C20" s="74" t="s">
        <v>8</v>
      </c>
      <c r="D20" s="75"/>
      <c r="E20" s="75">
        <v>1</v>
      </c>
      <c r="F20" s="76">
        <v>2</v>
      </c>
      <c r="G20" s="77"/>
      <c r="H20" s="68">
        <v>28</v>
      </c>
      <c r="I20" s="77"/>
      <c r="J20" s="78">
        <v>1</v>
      </c>
    </row>
    <row r="21" spans="1:13" ht="17.100000000000001" customHeight="1" x14ac:dyDescent="0.15">
      <c r="A21" s="87"/>
      <c r="B21" s="91"/>
      <c r="C21" s="8" t="s">
        <v>9</v>
      </c>
      <c r="D21" s="29"/>
      <c r="E21" s="29">
        <v>3</v>
      </c>
      <c r="F21" s="50">
        <v>4</v>
      </c>
      <c r="G21" s="54"/>
      <c r="H21" s="61">
        <v>34</v>
      </c>
      <c r="I21" s="54"/>
      <c r="J21" s="27">
        <v>1</v>
      </c>
    </row>
    <row r="22" spans="1:13" s="5" customFormat="1" ht="17.100000000000001" customHeight="1" x14ac:dyDescent="0.15">
      <c r="A22" s="87"/>
      <c r="B22" s="79" t="s">
        <v>10</v>
      </c>
      <c r="C22" s="8" t="s">
        <v>11</v>
      </c>
      <c r="D22" s="36" t="s">
        <v>12</v>
      </c>
      <c r="E22" s="29">
        <v>5</v>
      </c>
      <c r="F22" s="23"/>
      <c r="G22" s="54"/>
      <c r="H22" s="61">
        <v>3</v>
      </c>
      <c r="I22" s="71"/>
      <c r="J22" s="12"/>
      <c r="K22" s="4"/>
      <c r="L22" s="4"/>
      <c r="M22" s="4"/>
    </row>
    <row r="23" spans="1:13" s="5" customFormat="1" ht="17.100000000000001" customHeight="1" x14ac:dyDescent="0.15">
      <c r="A23" s="87"/>
      <c r="B23" s="80"/>
      <c r="C23" s="19" t="s">
        <v>13</v>
      </c>
      <c r="D23" s="38" t="s">
        <v>14</v>
      </c>
      <c r="E23" s="39">
        <v>6</v>
      </c>
      <c r="F23" s="24"/>
      <c r="G23" s="55"/>
      <c r="H23" s="62">
        <v>3</v>
      </c>
      <c r="I23" s="71"/>
      <c r="J23" s="16"/>
      <c r="K23" s="4"/>
      <c r="L23" s="4"/>
      <c r="M23" s="4"/>
    </row>
    <row r="24" spans="1:13" s="5" customFormat="1" ht="17.100000000000001" customHeight="1" x14ac:dyDescent="0.15">
      <c r="A24" s="87"/>
      <c r="B24" s="79" t="s">
        <v>15</v>
      </c>
      <c r="C24" s="82" t="s">
        <v>3</v>
      </c>
      <c r="D24" s="41" t="s">
        <v>0</v>
      </c>
      <c r="E24" s="37"/>
      <c r="F24" s="21">
        <v>7</v>
      </c>
      <c r="G24" s="73"/>
      <c r="H24" s="64"/>
      <c r="I24" s="54"/>
      <c r="J24" s="13">
        <v>4</v>
      </c>
      <c r="K24" s="4"/>
      <c r="L24" s="4"/>
      <c r="M24" s="4"/>
    </row>
    <row r="25" spans="1:13" s="5" customFormat="1" ht="17.100000000000001" customHeight="1" x14ac:dyDescent="0.15">
      <c r="A25" s="87"/>
      <c r="B25" s="80"/>
      <c r="C25" s="83"/>
      <c r="D25" s="41" t="s">
        <v>1</v>
      </c>
      <c r="E25" s="37"/>
      <c r="F25" s="21">
        <v>8</v>
      </c>
      <c r="G25" s="73"/>
      <c r="H25" s="64"/>
      <c r="I25" s="54"/>
      <c r="J25" s="13">
        <v>3</v>
      </c>
      <c r="K25" s="4"/>
      <c r="L25" s="4"/>
      <c r="M25" s="4"/>
    </row>
    <row r="26" spans="1:13" ht="17.100000000000001" customHeight="1" x14ac:dyDescent="0.15">
      <c r="A26" s="87"/>
      <c r="B26" s="80"/>
      <c r="C26" s="82" t="s">
        <v>2</v>
      </c>
      <c r="D26" s="41" t="s">
        <v>0</v>
      </c>
      <c r="E26" s="37"/>
      <c r="F26" s="21">
        <v>9</v>
      </c>
      <c r="G26" s="73"/>
      <c r="H26" s="64"/>
      <c r="I26" s="54"/>
      <c r="J26" s="13">
        <v>3</v>
      </c>
    </row>
    <row r="27" spans="1:13" ht="17.100000000000001" customHeight="1" x14ac:dyDescent="0.15">
      <c r="A27" s="87"/>
      <c r="B27" s="80"/>
      <c r="C27" s="83"/>
      <c r="D27" s="32" t="s">
        <v>1</v>
      </c>
      <c r="E27" s="40"/>
      <c r="F27" s="21">
        <v>10</v>
      </c>
      <c r="G27" s="73"/>
      <c r="H27" s="65"/>
      <c r="I27" s="55"/>
      <c r="J27" s="9">
        <v>2</v>
      </c>
    </row>
    <row r="28" spans="1:13" ht="17.100000000000001" customHeight="1" x14ac:dyDescent="0.15">
      <c r="A28" s="87"/>
      <c r="B28" s="80"/>
      <c r="C28" s="92" t="s">
        <v>20</v>
      </c>
      <c r="D28" s="42" t="s">
        <v>3</v>
      </c>
      <c r="E28" s="37"/>
      <c r="F28" s="22">
        <v>11</v>
      </c>
      <c r="G28" s="71"/>
      <c r="H28" s="64"/>
      <c r="I28" s="54"/>
      <c r="J28" s="13">
        <v>3</v>
      </c>
    </row>
    <row r="29" spans="1:13" ht="17.100000000000001" customHeight="1" thickBot="1" x14ac:dyDescent="0.2">
      <c r="A29" s="86"/>
      <c r="B29" s="81"/>
      <c r="C29" s="93"/>
      <c r="D29" s="43" t="s">
        <v>2</v>
      </c>
      <c r="E29" s="44"/>
      <c r="F29" s="57">
        <v>12</v>
      </c>
      <c r="G29" s="72"/>
      <c r="H29" s="66"/>
      <c r="I29" s="56"/>
      <c r="J29" s="14">
        <v>2</v>
      </c>
    </row>
    <row r="30" spans="1:13" ht="17.100000000000001" customHeight="1" x14ac:dyDescent="0.15">
      <c r="A30" s="85" t="s">
        <v>17</v>
      </c>
      <c r="B30" s="88" t="s">
        <v>7</v>
      </c>
      <c r="C30" s="6" t="s">
        <v>8</v>
      </c>
      <c r="D30" s="45"/>
      <c r="E30" s="28">
        <v>1</v>
      </c>
      <c r="F30" s="51">
        <v>2</v>
      </c>
      <c r="G30" s="53"/>
      <c r="H30" s="7">
        <v>29</v>
      </c>
      <c r="I30" s="53"/>
      <c r="J30" s="7">
        <v>1</v>
      </c>
    </row>
    <row r="31" spans="1:13" ht="17.100000000000001" customHeight="1" x14ac:dyDescent="0.15">
      <c r="A31" s="87"/>
      <c r="B31" s="80"/>
      <c r="C31" s="8" t="s">
        <v>9</v>
      </c>
      <c r="D31" s="36"/>
      <c r="E31" s="29">
        <v>3</v>
      </c>
      <c r="F31" s="50">
        <v>4</v>
      </c>
      <c r="G31" s="54"/>
      <c r="H31" s="13">
        <v>34</v>
      </c>
      <c r="I31" s="55"/>
      <c r="J31" s="9">
        <v>1</v>
      </c>
    </row>
    <row r="32" spans="1:13" s="5" customFormat="1" ht="17.100000000000001" customHeight="1" x14ac:dyDescent="0.15">
      <c r="A32" s="87"/>
      <c r="B32" s="79" t="s">
        <v>10</v>
      </c>
      <c r="C32" s="10" t="s">
        <v>11</v>
      </c>
      <c r="D32" s="46" t="s">
        <v>12</v>
      </c>
      <c r="E32" s="31">
        <v>5</v>
      </c>
      <c r="F32" s="58"/>
      <c r="G32" s="67"/>
      <c r="H32" s="68">
        <v>3</v>
      </c>
      <c r="I32" s="71"/>
      <c r="J32" s="12"/>
      <c r="K32" s="4"/>
      <c r="L32" s="4"/>
      <c r="M32" s="4"/>
    </row>
    <row r="33" spans="1:13" s="5" customFormat="1" ht="17.100000000000001" customHeight="1" x14ac:dyDescent="0.15">
      <c r="A33" s="87"/>
      <c r="B33" s="80"/>
      <c r="C33" s="11" t="s">
        <v>13</v>
      </c>
      <c r="D33" s="47" t="s">
        <v>14</v>
      </c>
      <c r="E33" s="30">
        <v>6</v>
      </c>
      <c r="F33" s="59"/>
      <c r="G33" s="69"/>
      <c r="H33" s="62">
        <v>3</v>
      </c>
      <c r="I33" s="71"/>
      <c r="J33" s="16"/>
      <c r="K33" s="4"/>
      <c r="L33" s="4"/>
      <c r="M33" s="4"/>
    </row>
    <row r="34" spans="1:13" s="5" customFormat="1" ht="17.100000000000001" customHeight="1" x14ac:dyDescent="0.15">
      <c r="A34" s="87"/>
      <c r="B34" s="79" t="s">
        <v>15</v>
      </c>
      <c r="C34" s="82" t="s">
        <v>3</v>
      </c>
      <c r="D34" s="41" t="s">
        <v>0</v>
      </c>
      <c r="E34" s="37"/>
      <c r="F34" s="22">
        <v>7</v>
      </c>
      <c r="G34" s="73"/>
      <c r="H34" s="64"/>
      <c r="I34" s="54"/>
      <c r="J34" s="13">
        <v>4</v>
      </c>
      <c r="K34" s="4"/>
      <c r="L34" s="4"/>
      <c r="M34" s="4"/>
    </row>
    <row r="35" spans="1:13" s="5" customFormat="1" ht="17.100000000000001" customHeight="1" x14ac:dyDescent="0.15">
      <c r="A35" s="87"/>
      <c r="B35" s="80"/>
      <c r="C35" s="83"/>
      <c r="D35" s="41" t="s">
        <v>1</v>
      </c>
      <c r="E35" s="37"/>
      <c r="F35" s="22">
        <v>8</v>
      </c>
      <c r="G35" s="73"/>
      <c r="H35" s="64"/>
      <c r="I35" s="54"/>
      <c r="J35" s="13">
        <v>3</v>
      </c>
      <c r="K35" s="4"/>
      <c r="L35" s="4"/>
      <c r="M35" s="4"/>
    </row>
    <row r="36" spans="1:13" s="5" customFormat="1" ht="17.100000000000001" customHeight="1" x14ac:dyDescent="0.15">
      <c r="A36" s="87"/>
      <c r="B36" s="80"/>
      <c r="C36" s="82" t="s">
        <v>2</v>
      </c>
      <c r="D36" s="41" t="s">
        <v>0</v>
      </c>
      <c r="E36" s="37"/>
      <c r="F36" s="22">
        <v>9</v>
      </c>
      <c r="G36" s="73"/>
      <c r="H36" s="64"/>
      <c r="I36" s="54"/>
      <c r="J36" s="13">
        <v>3</v>
      </c>
      <c r="K36" s="4"/>
      <c r="L36" s="4"/>
      <c r="M36" s="4"/>
    </row>
    <row r="37" spans="1:13" s="5" customFormat="1" ht="17.100000000000001" customHeight="1" x14ac:dyDescent="0.15">
      <c r="A37" s="87"/>
      <c r="B37" s="80"/>
      <c r="C37" s="83"/>
      <c r="D37" s="32" t="s">
        <v>1</v>
      </c>
      <c r="E37" s="40"/>
      <c r="F37" s="21">
        <v>10</v>
      </c>
      <c r="G37" s="73"/>
      <c r="H37" s="65"/>
      <c r="I37" s="55"/>
      <c r="J37" s="9">
        <v>2</v>
      </c>
      <c r="K37" s="4"/>
      <c r="L37" s="4"/>
      <c r="M37" s="4"/>
    </row>
    <row r="38" spans="1:13" s="5" customFormat="1" ht="17.100000000000001" customHeight="1" x14ac:dyDescent="0.15">
      <c r="A38" s="87"/>
      <c r="B38" s="80"/>
      <c r="C38" s="89" t="s">
        <v>18</v>
      </c>
      <c r="D38" s="42" t="s">
        <v>3</v>
      </c>
      <c r="E38" s="37"/>
      <c r="F38" s="22">
        <v>11</v>
      </c>
      <c r="G38" s="71"/>
      <c r="H38" s="64"/>
      <c r="I38" s="54"/>
      <c r="J38" s="13">
        <v>3</v>
      </c>
      <c r="K38" s="4"/>
      <c r="L38" s="4"/>
      <c r="M38" s="4"/>
    </row>
    <row r="39" spans="1:13" s="5" customFormat="1" ht="17.100000000000001" customHeight="1" thickBot="1" x14ac:dyDescent="0.2">
      <c r="A39" s="86"/>
      <c r="B39" s="81"/>
      <c r="C39" s="90"/>
      <c r="D39" s="43" t="s">
        <v>2</v>
      </c>
      <c r="E39" s="44"/>
      <c r="F39" s="57">
        <v>12</v>
      </c>
      <c r="G39" s="72"/>
      <c r="H39" s="66"/>
      <c r="I39" s="56"/>
      <c r="J39" s="14">
        <v>2</v>
      </c>
      <c r="K39" s="4"/>
      <c r="L39" s="4"/>
      <c r="M39" s="4"/>
    </row>
    <row r="40" spans="1:13" s="5" customFormat="1" ht="17.100000000000001" customHeight="1" x14ac:dyDescent="0.15">
      <c r="A40" s="85" t="s">
        <v>6</v>
      </c>
      <c r="B40" s="88" t="s">
        <v>7</v>
      </c>
      <c r="C40" s="6" t="s">
        <v>8</v>
      </c>
      <c r="D40" s="45"/>
      <c r="E40" s="28">
        <v>1</v>
      </c>
      <c r="F40" s="20">
        <v>2</v>
      </c>
      <c r="G40" s="53"/>
      <c r="H40" s="63">
        <v>24</v>
      </c>
      <c r="I40" s="53"/>
      <c r="J40" s="7">
        <v>1</v>
      </c>
      <c r="K40" s="4"/>
      <c r="L40" s="4"/>
      <c r="M40" s="4"/>
    </row>
    <row r="41" spans="1:13" s="5" customFormat="1" ht="17.100000000000001" customHeight="1" x14ac:dyDescent="0.15">
      <c r="A41" s="87"/>
      <c r="B41" s="80"/>
      <c r="C41" s="8" t="s">
        <v>9</v>
      </c>
      <c r="D41" s="36"/>
      <c r="E41" s="29">
        <v>3</v>
      </c>
      <c r="F41" s="22">
        <v>4</v>
      </c>
      <c r="G41" s="54"/>
      <c r="H41" s="61">
        <v>30</v>
      </c>
      <c r="I41" s="55"/>
      <c r="J41" s="9">
        <v>1</v>
      </c>
      <c r="K41" s="4"/>
      <c r="L41" s="4"/>
      <c r="M41" s="4"/>
    </row>
    <row r="42" spans="1:13" s="5" customFormat="1" ht="17.100000000000001" customHeight="1" x14ac:dyDescent="0.15">
      <c r="A42" s="87"/>
      <c r="B42" s="79" t="s">
        <v>10</v>
      </c>
      <c r="C42" s="10" t="s">
        <v>11</v>
      </c>
      <c r="D42" s="46" t="s">
        <v>12</v>
      </c>
      <c r="E42" s="31">
        <v>5</v>
      </c>
      <c r="F42" s="58"/>
      <c r="G42" s="67"/>
      <c r="H42" s="68">
        <v>3</v>
      </c>
      <c r="I42" s="71"/>
      <c r="J42" s="12"/>
      <c r="K42" s="4"/>
      <c r="L42" s="4"/>
      <c r="M42" s="4"/>
    </row>
    <row r="43" spans="1:13" s="5" customFormat="1" ht="17.100000000000001" customHeight="1" x14ac:dyDescent="0.15">
      <c r="A43" s="87"/>
      <c r="B43" s="91"/>
      <c r="C43" s="11" t="s">
        <v>13</v>
      </c>
      <c r="D43" s="47" t="s">
        <v>14</v>
      </c>
      <c r="E43" s="35">
        <v>6</v>
      </c>
      <c r="F43" s="58"/>
      <c r="G43" s="70"/>
      <c r="H43" s="61">
        <v>3</v>
      </c>
      <c r="I43" s="71"/>
      <c r="J43" s="12"/>
      <c r="K43" s="4"/>
      <c r="L43" s="4"/>
      <c r="M43" s="4"/>
    </row>
    <row r="44" spans="1:13" s="5" customFormat="1" ht="17.100000000000001" customHeight="1" x14ac:dyDescent="0.15">
      <c r="A44" s="87"/>
      <c r="B44" s="79" t="s">
        <v>15</v>
      </c>
      <c r="C44" s="82" t="s">
        <v>3</v>
      </c>
      <c r="D44" s="47" t="s">
        <v>0</v>
      </c>
      <c r="E44" s="37"/>
      <c r="F44" s="22">
        <v>7</v>
      </c>
      <c r="G44" s="71"/>
      <c r="H44" s="64"/>
      <c r="I44" s="54"/>
      <c r="J44" s="13">
        <v>4</v>
      </c>
      <c r="K44" s="4"/>
      <c r="L44" s="4"/>
      <c r="M44" s="4"/>
    </row>
    <row r="45" spans="1:13" s="5" customFormat="1" ht="17.100000000000001" customHeight="1" x14ac:dyDescent="0.15">
      <c r="A45" s="87"/>
      <c r="B45" s="80"/>
      <c r="C45" s="83"/>
      <c r="D45" s="47" t="s">
        <v>1</v>
      </c>
      <c r="E45" s="37"/>
      <c r="F45" s="22">
        <v>8</v>
      </c>
      <c r="G45" s="71"/>
      <c r="H45" s="64"/>
      <c r="I45" s="54"/>
      <c r="J45" s="13">
        <v>3</v>
      </c>
      <c r="K45" s="4"/>
      <c r="L45" s="4"/>
      <c r="M45" s="4"/>
    </row>
    <row r="46" spans="1:13" ht="17.100000000000001" customHeight="1" x14ac:dyDescent="0.15">
      <c r="A46" s="87"/>
      <c r="B46" s="80"/>
      <c r="C46" s="82" t="s">
        <v>2</v>
      </c>
      <c r="D46" s="47" t="s">
        <v>0</v>
      </c>
      <c r="E46" s="37"/>
      <c r="F46" s="22">
        <v>9</v>
      </c>
      <c r="G46" s="71"/>
      <c r="H46" s="64"/>
      <c r="I46" s="54"/>
      <c r="J46" s="13">
        <v>3</v>
      </c>
    </row>
    <row r="47" spans="1:13" s="5" customFormat="1" ht="17.100000000000001" customHeight="1" thickBot="1" x14ac:dyDescent="0.2">
      <c r="A47" s="86"/>
      <c r="B47" s="81"/>
      <c r="C47" s="84"/>
      <c r="D47" s="48" t="s">
        <v>1</v>
      </c>
      <c r="E47" s="44"/>
      <c r="F47" s="57">
        <v>10</v>
      </c>
      <c r="G47" s="72"/>
      <c r="H47" s="66"/>
      <c r="I47" s="56"/>
      <c r="J47" s="14">
        <v>2</v>
      </c>
    </row>
    <row r="48" spans="1:13" ht="17.100000000000001" customHeight="1" x14ac:dyDescent="0.15">
      <c r="A48" s="85" t="s">
        <v>16</v>
      </c>
      <c r="B48" s="79" t="s">
        <v>15</v>
      </c>
      <c r="C48" s="82" t="s">
        <v>3</v>
      </c>
      <c r="D48" s="47" t="s">
        <v>0</v>
      </c>
      <c r="E48" s="37"/>
      <c r="F48" s="22">
        <v>7</v>
      </c>
      <c r="G48" s="71"/>
      <c r="H48" s="64"/>
      <c r="I48" s="54"/>
      <c r="J48" s="13">
        <v>4</v>
      </c>
    </row>
    <row r="49" spans="1:10" ht="17.100000000000001" customHeight="1" x14ac:dyDescent="0.15">
      <c r="A49" s="87"/>
      <c r="B49" s="80"/>
      <c r="C49" s="83"/>
      <c r="D49" s="47" t="s">
        <v>1</v>
      </c>
      <c r="E49" s="37"/>
      <c r="F49" s="22">
        <v>8</v>
      </c>
      <c r="G49" s="71"/>
      <c r="H49" s="64"/>
      <c r="I49" s="54"/>
      <c r="J49" s="13">
        <v>3</v>
      </c>
    </row>
    <row r="50" spans="1:10" ht="17.100000000000001" customHeight="1" x14ac:dyDescent="0.15">
      <c r="A50" s="87"/>
      <c r="B50" s="80"/>
      <c r="C50" s="82" t="s">
        <v>2</v>
      </c>
      <c r="D50" s="47" t="s">
        <v>0</v>
      </c>
      <c r="E50" s="37"/>
      <c r="F50" s="22">
        <v>9</v>
      </c>
      <c r="G50" s="71"/>
      <c r="H50" s="64"/>
      <c r="I50" s="54"/>
      <c r="J50" s="13">
        <v>3</v>
      </c>
    </row>
    <row r="51" spans="1:10" ht="17.100000000000001" customHeight="1" thickBot="1" x14ac:dyDescent="0.2">
      <c r="A51" s="86"/>
      <c r="B51" s="81"/>
      <c r="C51" s="84"/>
      <c r="D51" s="48" t="s">
        <v>1</v>
      </c>
      <c r="E51" s="44"/>
      <c r="F51" s="57">
        <v>10</v>
      </c>
      <c r="G51" s="72"/>
      <c r="H51" s="66"/>
      <c r="I51" s="56"/>
      <c r="J51" s="14">
        <v>2</v>
      </c>
    </row>
    <row r="52" spans="1:10" ht="6.75" customHeight="1" x14ac:dyDescent="0.15">
      <c r="A52" s="17"/>
      <c r="B52" s="17"/>
      <c r="C52" s="1"/>
      <c r="D52" s="1"/>
      <c r="E52" s="17"/>
      <c r="F52" s="17"/>
      <c r="G52" s="17"/>
      <c r="H52" s="17"/>
      <c r="I52" s="17"/>
      <c r="J52" s="17"/>
    </row>
  </sheetData>
  <mergeCells count="37">
    <mergeCell ref="B14:B19"/>
    <mergeCell ref="C14:C15"/>
    <mergeCell ref="C16:C17"/>
    <mergeCell ref="C18:C19"/>
    <mergeCell ref="A10:A19"/>
    <mergeCell ref="A1:J1"/>
    <mergeCell ref="A7:B7"/>
    <mergeCell ref="E7:F7"/>
    <mergeCell ref="B10:B11"/>
    <mergeCell ref="B12:B13"/>
    <mergeCell ref="B3:H3"/>
    <mergeCell ref="B8:B9"/>
    <mergeCell ref="B44:B47"/>
    <mergeCell ref="C44:C45"/>
    <mergeCell ref="A20:A29"/>
    <mergeCell ref="B20:B21"/>
    <mergeCell ref="B22:B23"/>
    <mergeCell ref="B24:B29"/>
    <mergeCell ref="C24:C25"/>
    <mergeCell ref="C26:C27"/>
    <mergeCell ref="C28:C29"/>
    <mergeCell ref="B48:B51"/>
    <mergeCell ref="C48:C49"/>
    <mergeCell ref="C50:C51"/>
    <mergeCell ref="A8:A9"/>
    <mergeCell ref="A48:A51"/>
    <mergeCell ref="C46:C47"/>
    <mergeCell ref="A30:A39"/>
    <mergeCell ref="B30:B31"/>
    <mergeCell ref="B32:B33"/>
    <mergeCell ref="B34:B39"/>
    <mergeCell ref="C34:C35"/>
    <mergeCell ref="C36:C37"/>
    <mergeCell ref="C38:C39"/>
    <mergeCell ref="A40:A47"/>
    <mergeCell ref="B40:B41"/>
    <mergeCell ref="B42:B43"/>
  </mergeCells>
  <phoneticPr fontId="1"/>
  <pageMargins left="0.70866141732283472" right="0.70866141732283472" top="0.35433070866141736" bottom="0.15748031496062992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校長・教頭資格</vt:lpstr>
    </vt:vector>
  </TitlesOfParts>
  <Company>大分県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kuser</dc:creator>
  <cp:lastModifiedBy>佐藤　哲子</cp:lastModifiedBy>
  <cp:lastPrinted>2025-12-19T01:20:32Z</cp:lastPrinted>
  <dcterms:created xsi:type="dcterms:W3CDTF">2008-07-07T07:05:42Z</dcterms:created>
  <dcterms:modified xsi:type="dcterms:W3CDTF">2025-12-19T01:20:38Z</dcterms:modified>
</cp:coreProperties>
</file>